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18. Transeptálna ihla\PTK\"/>
    </mc:Choice>
  </mc:AlternateContent>
  <bookViews>
    <workbookView xWindow="0" yWindow="0" windowWidth="23040" windowHeight="9195"/>
  </bookViews>
  <sheets>
    <sheet name="Cenová ponuka" sheetId="8" r:id="rId1"/>
  </sheets>
  <definedNames>
    <definedName name="_xlnm.Print_Area" localSheetId="0">'Cenová ponuka'!$B$1:$F$10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3" uniqueCount="135">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6.</t>
  </si>
  <si>
    <t>17.</t>
  </si>
  <si>
    <t>18.</t>
  </si>
  <si>
    <t>19.</t>
  </si>
  <si>
    <t>20.</t>
  </si>
  <si>
    <t>21.</t>
  </si>
  <si>
    <t>12.1</t>
  </si>
  <si>
    <t>Požaduje sa, aby dodávateľ v čase predloženia ponuky a zároveň počas trvania zmluvy bol oprávnený na poskytnutie plnenia predmetu zákazky.</t>
  </si>
  <si>
    <t xml:space="preserve">1. </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 xml:space="preserve">Požaduje sa dodanie tovaru: </t>
  </si>
  <si>
    <t>3.1</t>
  </si>
  <si>
    <t xml:space="preserve">v pracovných dňoch (do termínu sa nezapočítavajú dni pracovného voľna, pracovného pokoja a štátne sviatky) </t>
  </si>
  <si>
    <t>3.2</t>
  </si>
  <si>
    <t>3.3</t>
  </si>
  <si>
    <t>3.4</t>
  </si>
  <si>
    <t>3.5</t>
  </si>
  <si>
    <t xml:space="preserve">v čase od 07:00 hod. do 14:00 hod., </t>
  </si>
  <si>
    <t xml:space="preserve">na dohodnuté miesto plnenia a zodpovednej osobe objednávateľa (podrobnosti o mieste plnenia a zodpovednej osobe objednávateľa budú dodávateľovi upresnené bezprostredne po účinnosti rámcovej dohody), </t>
  </si>
  <si>
    <t xml:space="preserve">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 </t>
  </si>
  <si>
    <t xml:space="preserve"> 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 (napr. doprava). </t>
  </si>
  <si>
    <t xml:space="preserve">Požaduje sa v zmysle § 340b ods. 5 zákona č. 513/1991 Z.z. Obchodného zákonníka v znení neskorších predpisov splatnosť faktúry v lehote 60 dní odo dňa jej doručenia objednávateľovi. </t>
  </si>
  <si>
    <t xml:space="preserve">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 </t>
  </si>
  <si>
    <t xml:space="preserve">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 </t>
  </si>
  <si>
    <t xml:space="preserve">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 </t>
  </si>
  <si>
    <t xml:space="preserve">Požaduje sa, aby dodávateľom poskytovaný predmet plnenia bol (v prípade ak je to relevantné), v súlade s: </t>
  </si>
  <si>
    <t>a) aktuálnym Cenovým opatrením MZ SR, ktorým sa ustanovuje rozsah regulácie cien v oblasti zdravotníctva</t>
  </si>
  <si>
    <t>b) zákonom č. 363/2011 Z.z. o rozsahu a podmienkach úhrady liekov, zdravotníckych pomôcok a dietetických potravín na základe verejného zdravotného poistenia a o zmene a doplnení niektorých zákonov,</t>
  </si>
  <si>
    <t>c) s aktuálne platným Zoznamom liekov s úradne určenou cenou, ďalej len "legislatívna zmena ceny",</t>
  </si>
  <si>
    <t xml:space="preserve">d) s aktuálne platným Zoznamom kategorizovaných špeciálnych zdravotníckych materiálov, </t>
  </si>
  <si>
    <t xml:space="preserve">e) aktuálne platným Zoznamom kategorizovaných špeciálnych zdravotníckych materiálov s maximálnou výškou úhrady Všeobecnej zdravotnej poisťovne a.s., DOVERA zdravotná poisťovňa, a.s. a Union zdravotná poisťovňa, a.s., </t>
  </si>
  <si>
    <t xml:space="preserve">f) aktuálne platným Zoznamom nekategorizovaných špeciálnych zdravotníckych materiálov s maximálnou výškou úhrady Všeobecnej zdravotnej poisťovne a.s., DOVERA zdravotná poisťovňa, a.s. a Union zdravotná poisťovňa, a.s., ďalej len "zoznamom zdravotnej poisťovne". </t>
  </si>
  <si>
    <t>V prípade, ak zmluvná cena bude vyššia ako je maximálna cena úhrady zdravotnej poisťovne uvedená v zozname zdravotnej poisťovne, je dodávateľ povinný, najneskôr však do 5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1</t>
  </si>
  <si>
    <t xml:space="preserve">objednávateľ vyzve úspešného dodávateľa na podanie vysvetlenia k uvedenému a ak po prehodnotení písomného zdôvodnenia uzná navýšenie konečnej jednotkovej ceny za MJ bez DPH príslušnej položky predmetu zákazky, zašle objednávateľovi dodávateľovi oznámenie, v ktorom potvrdí oprávnenie ním ponúknutej ceny; </t>
  </si>
  <si>
    <t>Požaduje sa, aby v prípade ak sa úspešným t.j. dodávateľom po uplynutí lehoty na predkladanie ponúk, resp. po elektronickej aukcii stane: 
- dodávateľ, ktorý je alebo bol dodávateľom predmetu zákazky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t>
  </si>
  <si>
    <t xml:space="preserve">objednávateľ vyzve úspešného dodávateľa na podanie vysvetlenia k uvedenému a ak po prehodnotení písomného zdôvodnenia neuzná navýšenie konečnej jednotkovej ceny za MJ bez DPH príslušnej položky predmetu zákazky, vyhradzuje si právo odstúpiť od tejto zmluvy. </t>
  </si>
  <si>
    <t>11.2</t>
  </si>
  <si>
    <t>V prípade, ak sa po uzatvorení tejto rámcovej dohody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ámcovej dohody je viac ako 5% v neprospech ceny podľa tejto rámcovej dohody, zaväzuje sa dodávateľ poskytnúť objednávateľovi pre takéto plnenie objednané po preukázaní tejto skutočnosti dodatočnú zľavu vo výške rozdielu medzi ním poskytovanou cenou podľa tejto rámcovej dohody a nižšou cenou.</t>
  </si>
  <si>
    <t>Dodávateľ je povinný bezodkladne, najneskôr však do 5 pracovných dní od preukázania skutočnosti uvedenej v predchádzajúcej vete, doručiť objednávateľovi dodatok, predmetom ktorého bude upravená cena zistená podľa bodu 10. tejto rámcovej dohody.</t>
  </si>
  <si>
    <t>V prípade, ak sa po uzatvorení tejto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1 mesiac. Výpovedná doba začína plynúť od prvého dňa kalendárneho mesiaca nasledujúceho po doručení výpovede a skončí sa uplynutím posledného dňa príslušného kalendárneho mesiaca.</t>
  </si>
  <si>
    <t xml:space="preserve">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 </t>
  </si>
  <si>
    <t xml:space="preserve">Požaduje sa možnosť uplatnenia si náhrady škody u dodávateľa vo výške vzniknutých finančných nákladov a/alebo možnosť vrátenia nespotrebovanej časti tovaru v prípade nedodržania požiadaviek uvedených v bodoch 10. - 15. tejto časti rámcovej dohody.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 </t>
  </si>
  <si>
    <t xml:space="preserve">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
  </si>
  <si>
    <t>Tá zmluvná strana, ktorá sa odvolá na okolnosti vylučujúce zodpovednosť, je povinná to oznámiť druhej zmluvnej strane najneskôr do 5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 xml:space="preserve">Dodávateľ sa zaväzuje dodržiavať etické zásady uvedené v Etickom kódexe dodávateľov vo verejnom obstarávaní  (ďalej len "Etický kódex") zverejnenom na webovom sídle objednávateľa. </t>
  </si>
  <si>
    <t>xxx</t>
  </si>
  <si>
    <t xml:space="preserve">do 24 hodín od doručenia písomnej objednávky dodávateľovi, </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33141320-9 Lekarske ihly</t>
  </si>
  <si>
    <t>Požaduje sa uzatvorenie rámcovej dohody, a to na dohodnuté zmluvné obdobie 24 kalendárnych mesiacov, resp. do doby naplnenia zmluvného finančného objemu podľa toho, ktorá z uvedených skutočností nastane skôr.</t>
  </si>
  <si>
    <t>60000000-8 Dopravné služby (bez prepravy odpadu)</t>
  </si>
  <si>
    <t xml:space="preserve">Požadovaný počet MJ za zmluvné obdobie 24 mesiacov </t>
  </si>
  <si>
    <t>Punkčná transseptálna ihla</t>
  </si>
  <si>
    <t xml:space="preserve">Punkčné transseptálne ihly umožňujúce prepichnutie interatriálneho septa. </t>
  </si>
  <si>
    <t xml:space="preserve">Položka č. 1 - Punkčná transseptálna ihla </t>
  </si>
  <si>
    <t xml:space="preserve">Požaduje sa špeciálny zdravotnícky materiál pre invazívnu diagnostickú a intervenčnú elektrofyziológiu s osobitným zreteľom na punkčné transseptálne ihly. </t>
  </si>
  <si>
    <t>Punkčné transseptálne ihly umožňujúce prepichnutie interatriálneho septa rôznych zakrivení.</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4">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2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8"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5" xfId="0" applyNumberFormat="1" applyFont="1" applyFill="1" applyBorder="1" applyAlignment="1">
      <alignment horizontal="left" vertical="center" wrapText="1"/>
    </xf>
    <xf numFmtId="49" fontId="2" fillId="0" borderId="26" xfId="0" applyNumberFormat="1" applyFont="1" applyFill="1" applyBorder="1" applyAlignment="1">
      <alignment horizontal="center" vertical="center" wrapText="1"/>
    </xf>
    <xf numFmtId="49" fontId="2" fillId="0" borderId="26" xfId="0" applyNumberFormat="1" applyFont="1" applyFill="1" applyBorder="1" applyAlignment="1">
      <alignment horizontal="left" vertical="center" wrapText="1"/>
    </xf>
    <xf numFmtId="49" fontId="2" fillId="0" borderId="27" xfId="0" applyNumberFormat="1" applyFont="1" applyFill="1" applyBorder="1" applyAlignment="1">
      <alignment horizontal="left" vertical="center" wrapText="1"/>
    </xf>
    <xf numFmtId="49" fontId="2" fillId="0" borderId="27"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49" fontId="4" fillId="0" borderId="10" xfId="0" applyNumberFormat="1" applyFont="1" applyFill="1" applyBorder="1" applyAlignment="1">
      <alignment vertical="center" wrapText="1"/>
    </xf>
    <xf numFmtId="49" fontId="4" fillId="0" borderId="20" xfId="0" applyNumberFormat="1" applyFont="1" applyFill="1" applyBorder="1" applyAlignment="1">
      <alignment vertical="center" wrapText="1"/>
    </xf>
    <xf numFmtId="0" fontId="2" fillId="0" borderId="10" xfId="0" applyFont="1" applyFill="1" applyBorder="1" applyAlignment="1">
      <alignment horizontal="left" vertical="center" wrapText="1"/>
    </xf>
    <xf numFmtId="49" fontId="2" fillId="0" borderId="11" xfId="0" applyNumberFormat="1" applyFont="1" applyBorder="1" applyAlignment="1">
      <alignment horizontal="center" vertical="center"/>
    </xf>
    <xf numFmtId="0" fontId="2" fillId="0" borderId="29" xfId="0" applyFont="1" applyFill="1" applyBorder="1" applyAlignment="1">
      <alignment horizontal="left" vertical="center" wrapText="1"/>
    </xf>
    <xf numFmtId="0" fontId="7" fillId="0" borderId="29" xfId="0" applyNumberFormat="1" applyFont="1" applyBorder="1" applyAlignment="1">
      <alignment horizontal="center" vertical="center" wrapText="1"/>
    </xf>
    <xf numFmtId="0" fontId="2" fillId="0" borderId="31" xfId="0" applyFont="1" applyFill="1" applyBorder="1" applyAlignment="1">
      <alignment horizontal="left" vertical="center" wrapText="1"/>
    </xf>
    <xf numFmtId="0" fontId="2" fillId="0" borderId="5" xfId="0" applyFont="1" applyFill="1" applyBorder="1" applyAlignment="1">
      <alignment horizontal="left" vertical="center" wrapText="1"/>
    </xf>
    <xf numFmtId="3" fontId="4" fillId="0" borderId="10" xfId="0" applyNumberFormat="1" applyFont="1" applyFill="1" applyBorder="1" applyAlignment="1">
      <alignment horizontal="center" vertical="center" wrapText="1"/>
    </xf>
    <xf numFmtId="49" fontId="5" fillId="0" borderId="0" xfId="0" applyNumberFormat="1" applyFont="1" applyFill="1" applyAlignment="1">
      <alignment horizontal="left" vertical="top" wrapText="1"/>
    </xf>
    <xf numFmtId="49" fontId="2" fillId="0" borderId="32" xfId="0" applyNumberFormat="1" applyFont="1" applyBorder="1" applyAlignment="1">
      <alignment horizontal="center" vertical="center" wrapText="1"/>
    </xf>
    <xf numFmtId="49" fontId="2" fillId="0" borderId="33" xfId="0" applyNumberFormat="1" applyFont="1" applyBorder="1" applyAlignment="1">
      <alignment horizontal="center" vertical="center" wrapText="1"/>
    </xf>
    <xf numFmtId="0" fontId="2" fillId="0" borderId="30" xfId="0" applyFont="1" applyFill="1" applyBorder="1" applyAlignment="1">
      <alignment horizontal="center" vertical="center" wrapText="1"/>
    </xf>
    <xf numFmtId="0" fontId="2" fillId="0" borderId="28" xfId="0" applyFont="1" applyFill="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4" fillId="0" borderId="0" xfId="0" applyFont="1" applyFill="1" applyAlignment="1">
      <alignment horizontal="left" vertical="top" wrapText="1"/>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cellXfs>
  <cellStyles count="6">
    <cellStyle name="Normálna" xfId="0" builtinId="0"/>
    <cellStyle name="Normálna 2" xfId="2"/>
    <cellStyle name="Normálne 2" xfId="3"/>
    <cellStyle name="normálne 2 2" xfId="1"/>
    <cellStyle name="normálne 2 2 2" xfId="4"/>
    <cellStyle name="Normálne 4" xfId="5"/>
  </cellStyles>
  <dxfs count="1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124"/>
  <sheetViews>
    <sheetView showGridLines="0" tabSelected="1" topLeftCell="A31" zoomScale="80" zoomScaleNormal="80" workbookViewId="0">
      <selection activeCell="K39" sqref="K39"/>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01" t="s">
        <v>46</v>
      </c>
      <c r="C1" s="101"/>
      <c r="D1" s="101"/>
      <c r="E1" s="101"/>
      <c r="F1" s="101"/>
    </row>
    <row r="2" spans="2:6" ht="27.75" customHeight="1" x14ac:dyDescent="0.2">
      <c r="B2" s="100" t="s">
        <v>44</v>
      </c>
      <c r="C2" s="100"/>
      <c r="D2" s="100"/>
      <c r="E2" s="100"/>
      <c r="F2" s="100"/>
    </row>
    <row r="3" spans="2:6" ht="54.75" customHeight="1" x14ac:dyDescent="0.2">
      <c r="B3" s="106" t="s">
        <v>50</v>
      </c>
      <c r="C3" s="106"/>
      <c r="D3" s="106"/>
      <c r="E3" s="106"/>
      <c r="F3" s="106"/>
    </row>
    <row r="4" spans="2:6" ht="24.95" customHeight="1" x14ac:dyDescent="0.2">
      <c r="B4" s="41" t="s">
        <v>49</v>
      </c>
      <c r="C4" s="42"/>
      <c r="D4" s="38"/>
      <c r="E4" s="38"/>
      <c r="F4" s="38"/>
    </row>
    <row r="5" spans="2:6" ht="24.95" customHeight="1" x14ac:dyDescent="0.2">
      <c r="B5" s="41" t="s">
        <v>47</v>
      </c>
      <c r="C5" s="43"/>
      <c r="D5" s="38"/>
      <c r="E5" s="38"/>
      <c r="F5" s="38"/>
    </row>
    <row r="6" spans="2:6" ht="5.0999999999999996" customHeight="1" x14ac:dyDescent="0.2">
      <c r="B6" s="38"/>
      <c r="C6" s="38"/>
      <c r="D6" s="38"/>
      <c r="E6" s="38"/>
      <c r="F6" s="38"/>
    </row>
    <row r="7" spans="2:6" s="2" customFormat="1" ht="20.100000000000001" customHeight="1" x14ac:dyDescent="0.25">
      <c r="B7" s="92" t="s">
        <v>4</v>
      </c>
      <c r="C7" s="92"/>
      <c r="D7" s="92"/>
      <c r="E7" s="92"/>
      <c r="F7" s="92"/>
    </row>
    <row r="8" spans="2:6" s="2" customFormat="1" ht="20.100000000000001" customHeight="1" x14ac:dyDescent="0.25">
      <c r="B8" s="107" t="s">
        <v>8</v>
      </c>
      <c r="C8" s="107"/>
      <c r="D8" s="107"/>
      <c r="E8" s="107"/>
      <c r="F8" s="107"/>
    </row>
    <row r="9" spans="2:6" ht="29.25" customHeight="1" x14ac:dyDescent="0.2">
      <c r="B9" s="76" t="s">
        <v>130</v>
      </c>
      <c r="C9" s="76"/>
      <c r="D9" s="76"/>
      <c r="E9" s="76"/>
      <c r="F9" s="76"/>
    </row>
    <row r="10" spans="2:6" ht="4.5" customHeight="1" x14ac:dyDescent="0.2">
      <c r="B10" s="40"/>
      <c r="C10" s="40"/>
      <c r="D10" s="40"/>
      <c r="E10" s="40"/>
      <c r="F10" s="40"/>
    </row>
    <row r="11" spans="2:6" s="2" customFormat="1" ht="20.100000000000001" customHeight="1" x14ac:dyDescent="0.25">
      <c r="B11" s="108" t="s">
        <v>9</v>
      </c>
      <c r="C11" s="108"/>
      <c r="D11" s="108"/>
      <c r="E11" s="108"/>
      <c r="F11" s="108"/>
    </row>
    <row r="12" spans="2:6" s="2" customFormat="1" ht="20.100000000000001" customHeight="1" x14ac:dyDescent="0.25">
      <c r="B12" s="109" t="s">
        <v>126</v>
      </c>
      <c r="C12" s="109"/>
      <c r="D12" s="109"/>
      <c r="E12" s="44"/>
      <c r="F12" s="44"/>
    </row>
    <row r="13" spans="2:6" s="3" customFormat="1" ht="20.100000000000001" customHeight="1" x14ac:dyDescent="0.25">
      <c r="B13" s="117" t="s">
        <v>128</v>
      </c>
      <c r="C13" s="117"/>
      <c r="D13" s="117"/>
      <c r="E13" s="18"/>
      <c r="F13" s="19"/>
    </row>
    <row r="14" spans="2:6" ht="4.5" customHeight="1" x14ac:dyDescent="0.2">
      <c r="B14" s="45"/>
      <c r="C14" s="45"/>
      <c r="D14" s="45"/>
      <c r="E14" s="40"/>
      <c r="F14" s="40"/>
    </row>
    <row r="15" spans="2:6" ht="20.100000000000001" customHeight="1" x14ac:dyDescent="0.2">
      <c r="B15" s="39" t="s">
        <v>10</v>
      </c>
      <c r="C15" s="20"/>
      <c r="D15" s="20"/>
      <c r="E15" s="21"/>
      <c r="F15" s="21"/>
    </row>
    <row r="16" spans="2:6" s="3" customFormat="1" ht="24.95" customHeight="1" x14ac:dyDescent="0.25">
      <c r="B16" s="120" t="s">
        <v>65</v>
      </c>
      <c r="C16" s="120"/>
      <c r="D16" s="120"/>
      <c r="E16" s="18"/>
      <c r="F16" s="19"/>
    </row>
    <row r="17" spans="2:9" ht="5.0999999999999996" customHeight="1" x14ac:dyDescent="0.2">
      <c r="B17" s="119"/>
      <c r="C17" s="119"/>
      <c r="D17" s="119"/>
      <c r="F17" s="15"/>
    </row>
    <row r="18" spans="2:9" s="2" customFormat="1" ht="20.100000000000001" customHeight="1" x14ac:dyDescent="0.25">
      <c r="B18" s="92" t="s">
        <v>22</v>
      </c>
      <c r="C18" s="92"/>
      <c r="D18" s="92"/>
      <c r="E18" s="92"/>
      <c r="F18" s="92"/>
    </row>
    <row r="19" spans="2:9" ht="33.75" customHeight="1" x14ac:dyDescent="0.2">
      <c r="B19" s="118" t="s">
        <v>131</v>
      </c>
      <c r="C19" s="118"/>
      <c r="D19" s="118"/>
      <c r="E19" s="118"/>
      <c r="F19" s="118"/>
    </row>
    <row r="20" spans="2:9" ht="5.0999999999999996" customHeight="1" x14ac:dyDescent="0.2">
      <c r="B20" s="119"/>
      <c r="C20" s="119"/>
      <c r="D20" s="119"/>
      <c r="F20" s="15"/>
    </row>
    <row r="21" spans="2:9" s="2" customFormat="1" ht="20.100000000000001" customHeight="1" x14ac:dyDescent="0.25">
      <c r="B21" s="92" t="s">
        <v>23</v>
      </c>
      <c r="C21" s="92"/>
      <c r="D21" s="92"/>
      <c r="E21" s="92"/>
      <c r="F21" s="92"/>
    </row>
    <row r="22" spans="2:9" s="9" customFormat="1" ht="20.100000000000001" customHeight="1" x14ac:dyDescent="0.25">
      <c r="B22" s="125" t="s">
        <v>5</v>
      </c>
      <c r="C22" s="125"/>
      <c r="D22" s="125"/>
      <c r="E22" s="125"/>
      <c r="F22" s="125"/>
    </row>
    <row r="23" spans="2:9" s="9" customFormat="1" ht="20.100000000000001" customHeight="1" x14ac:dyDescent="0.25">
      <c r="B23" s="102" t="s">
        <v>16</v>
      </c>
      <c r="C23" s="103"/>
      <c r="D23" s="14"/>
      <c r="E23" s="14"/>
      <c r="F23" s="14"/>
    </row>
    <row r="24" spans="2:9" s="9" customFormat="1" ht="20.100000000000001" customHeight="1" x14ac:dyDescent="0.25">
      <c r="B24" s="13"/>
      <c r="C24" s="13" t="s">
        <v>20</v>
      </c>
      <c r="D24" s="14"/>
      <c r="E24" s="14"/>
      <c r="F24" s="14"/>
    </row>
    <row r="25" spans="2:9" s="9" customFormat="1" ht="20.100000000000001" customHeight="1" x14ac:dyDescent="0.25">
      <c r="B25" s="13"/>
      <c r="C25" s="13" t="s">
        <v>21</v>
      </c>
      <c r="D25" s="14"/>
      <c r="E25" s="14"/>
      <c r="F25" s="14"/>
    </row>
    <row r="26" spans="2:9" s="9" customFormat="1" ht="20.100000000000001" customHeight="1" x14ac:dyDescent="0.25">
      <c r="B26" s="102" t="s">
        <v>17</v>
      </c>
      <c r="C26" s="103"/>
      <c r="D26" s="14"/>
      <c r="E26" s="14"/>
      <c r="F26" s="14"/>
    </row>
    <row r="27" spans="2:9" s="9" customFormat="1" ht="48.75" customHeight="1" x14ac:dyDescent="0.25">
      <c r="B27" s="16" t="s">
        <v>18</v>
      </c>
      <c r="C27" s="126" t="s">
        <v>12</v>
      </c>
      <c r="D27" s="127"/>
      <c r="E27" s="17" t="s">
        <v>11</v>
      </c>
      <c r="F27" s="17" t="s">
        <v>129</v>
      </c>
    </row>
    <row r="28" spans="2:9" s="9" customFormat="1" ht="24.95" customHeight="1" x14ac:dyDescent="0.25">
      <c r="B28" s="46" t="s">
        <v>1</v>
      </c>
      <c r="C28" s="121" t="s">
        <v>130</v>
      </c>
      <c r="D28" s="122"/>
      <c r="E28" s="58" t="s">
        <v>124</v>
      </c>
      <c r="F28" s="75">
        <v>300</v>
      </c>
      <c r="I28" s="57"/>
    </row>
    <row r="29" spans="2:9" s="9" customFormat="1" ht="4.5" customHeight="1" x14ac:dyDescent="0.25">
      <c r="B29" s="14"/>
      <c r="C29" s="14"/>
      <c r="D29" s="14"/>
      <c r="E29" s="14"/>
      <c r="F29" s="14"/>
    </row>
    <row r="30" spans="2:9" s="9" customFormat="1" ht="20.100000000000001" customHeight="1" x14ac:dyDescent="0.25">
      <c r="B30" s="102" t="s">
        <v>19</v>
      </c>
      <c r="C30" s="103"/>
      <c r="D30" s="14"/>
      <c r="E30" s="14"/>
      <c r="F30" s="14"/>
    </row>
    <row r="31" spans="2:9" s="9" customFormat="1" ht="20.100000000000001" customHeight="1" x14ac:dyDescent="0.2">
      <c r="B31" s="10"/>
      <c r="C31" s="9" t="s">
        <v>2</v>
      </c>
      <c r="D31" s="14"/>
      <c r="E31" s="14"/>
      <c r="F31" s="14"/>
    </row>
    <row r="32" spans="2:9" s="9" customFormat="1" ht="20.100000000000001" customHeight="1" x14ac:dyDescent="0.25">
      <c r="B32" s="13"/>
      <c r="C32" s="2" t="s">
        <v>3</v>
      </c>
      <c r="D32" s="14"/>
      <c r="E32" s="14"/>
      <c r="F32" s="14"/>
    </row>
    <row r="33" spans="2:7" ht="5.0999999999999996" customHeight="1" x14ac:dyDescent="0.2"/>
    <row r="34" spans="2:7" s="2" customFormat="1" ht="20.100000000000001" customHeight="1" x14ac:dyDescent="0.25">
      <c r="B34" s="92" t="s">
        <v>24</v>
      </c>
      <c r="C34" s="92"/>
      <c r="D34" s="92"/>
      <c r="E34" s="92"/>
      <c r="F34" s="92"/>
    </row>
    <row r="35" spans="2:7" s="2" customFormat="1" ht="5.0999999999999996" customHeight="1" thickBot="1" x14ac:dyDescent="0.3">
      <c r="B35" s="15"/>
      <c r="D35" s="6"/>
      <c r="E35" s="6"/>
      <c r="F35" s="6"/>
    </row>
    <row r="36" spans="2:7" s="3" customFormat="1" ht="93" customHeight="1" x14ac:dyDescent="0.25">
      <c r="B36" s="93" t="s">
        <v>0</v>
      </c>
      <c r="C36" s="94"/>
      <c r="D36" s="97" t="s">
        <v>25</v>
      </c>
      <c r="E36" s="98"/>
      <c r="F36" s="99"/>
      <c r="G36" s="22"/>
    </row>
    <row r="37" spans="2:7" s="3" customFormat="1" ht="30" customHeight="1" thickBot="1" x14ac:dyDescent="0.3">
      <c r="B37" s="95"/>
      <c r="C37" s="96"/>
      <c r="D37" s="23" t="s">
        <v>26</v>
      </c>
      <c r="E37" s="123" t="s">
        <v>27</v>
      </c>
      <c r="F37" s="124"/>
    </row>
    <row r="38" spans="2:7" s="24" customFormat="1" ht="30.75" customHeight="1" x14ac:dyDescent="0.25">
      <c r="B38" s="85" t="s">
        <v>132</v>
      </c>
      <c r="C38" s="86"/>
      <c r="D38" s="86"/>
      <c r="E38" s="86"/>
      <c r="F38" s="87"/>
    </row>
    <row r="39" spans="2:7" s="4" customFormat="1" ht="37.5" customHeight="1" x14ac:dyDescent="0.25">
      <c r="B39" s="54" t="s">
        <v>14</v>
      </c>
      <c r="C39" s="67" t="s">
        <v>133</v>
      </c>
      <c r="D39" s="48"/>
      <c r="E39" s="88"/>
      <c r="F39" s="89"/>
    </row>
    <row r="40" spans="2:7" s="4" customFormat="1" ht="27" customHeight="1" thickBot="1" x14ac:dyDescent="0.3">
      <c r="B40" s="70" t="s">
        <v>55</v>
      </c>
      <c r="C40" s="68" t="s">
        <v>134</v>
      </c>
      <c r="D40" s="59"/>
      <c r="E40" s="77"/>
      <c r="F40" s="78"/>
    </row>
    <row r="41" spans="2:7" s="3" customFormat="1" ht="5.0999999999999996" customHeight="1" x14ac:dyDescent="0.25">
      <c r="B41" s="5"/>
      <c r="C41" s="5"/>
      <c r="D41" s="7"/>
      <c r="E41" s="7"/>
      <c r="F41" s="25"/>
    </row>
    <row r="42" spans="2:7" s="2" customFormat="1" ht="20.100000000000001" customHeight="1" x14ac:dyDescent="0.25">
      <c r="B42" s="92" t="s">
        <v>45</v>
      </c>
      <c r="C42" s="92"/>
      <c r="D42" s="92"/>
      <c r="E42" s="92"/>
      <c r="F42" s="92"/>
    </row>
    <row r="43" spans="2:7" s="2" customFormat="1" ht="5.0999999999999996" customHeight="1" thickBot="1" x14ac:dyDescent="0.3">
      <c r="B43" s="15"/>
      <c r="D43" s="6"/>
      <c r="E43" s="6"/>
      <c r="F43" s="6"/>
    </row>
    <row r="44" spans="2:7" s="3" customFormat="1" ht="87.75" customHeight="1" x14ac:dyDescent="0.25">
      <c r="B44" s="93" t="s">
        <v>7</v>
      </c>
      <c r="C44" s="94"/>
      <c r="D44" s="97" t="s">
        <v>28</v>
      </c>
      <c r="E44" s="98"/>
      <c r="F44" s="99"/>
    </row>
    <row r="45" spans="2:7" s="3" customFormat="1" ht="30" customHeight="1" thickBot="1" x14ac:dyDescent="0.3">
      <c r="B45" s="95"/>
      <c r="C45" s="96"/>
      <c r="D45" s="23" t="s">
        <v>6</v>
      </c>
      <c r="E45" s="83" t="s">
        <v>29</v>
      </c>
      <c r="F45" s="84"/>
    </row>
    <row r="46" spans="2:7" s="2" customFormat="1" ht="42.75" customHeight="1" x14ac:dyDescent="0.25">
      <c r="B46" s="55" t="s">
        <v>79</v>
      </c>
      <c r="C46" s="26" t="s">
        <v>127</v>
      </c>
      <c r="D46" s="48"/>
      <c r="E46" s="81"/>
      <c r="F46" s="82"/>
    </row>
    <row r="47" spans="2:7" s="2" customFormat="1" ht="50.25" customHeight="1" x14ac:dyDescent="0.25">
      <c r="B47" s="55" t="s">
        <v>55</v>
      </c>
      <c r="C47" s="26" t="s">
        <v>80</v>
      </c>
      <c r="D47" s="48"/>
      <c r="E47" s="81"/>
      <c r="F47" s="82"/>
    </row>
    <row r="48" spans="2:7" s="2" customFormat="1" ht="24" customHeight="1" x14ac:dyDescent="0.25">
      <c r="B48" s="55" t="s">
        <v>56</v>
      </c>
      <c r="C48" s="26" t="s">
        <v>81</v>
      </c>
      <c r="D48" s="48" t="s">
        <v>120</v>
      </c>
      <c r="E48" s="81"/>
      <c r="F48" s="82"/>
    </row>
    <row r="49" spans="2:6" s="2" customFormat="1" ht="24.75" customHeight="1" x14ac:dyDescent="0.25">
      <c r="B49" s="47" t="s">
        <v>82</v>
      </c>
      <c r="C49" s="26" t="s">
        <v>121</v>
      </c>
      <c r="D49" s="48"/>
      <c r="E49" s="81"/>
      <c r="F49" s="82"/>
    </row>
    <row r="50" spans="2:6" s="2" customFormat="1" ht="30.75" customHeight="1" x14ac:dyDescent="0.25">
      <c r="B50" s="47" t="s">
        <v>84</v>
      </c>
      <c r="C50" s="26" t="s">
        <v>83</v>
      </c>
      <c r="D50" s="48"/>
      <c r="E50" s="81"/>
      <c r="F50" s="82"/>
    </row>
    <row r="51" spans="2:6" s="2" customFormat="1" ht="26.25" customHeight="1" x14ac:dyDescent="0.25">
      <c r="B51" s="47" t="s">
        <v>85</v>
      </c>
      <c r="C51" s="26" t="s">
        <v>88</v>
      </c>
      <c r="D51" s="48"/>
      <c r="E51" s="81"/>
      <c r="F51" s="82"/>
    </row>
    <row r="52" spans="2:6" s="2" customFormat="1" ht="44.25" customHeight="1" x14ac:dyDescent="0.25">
      <c r="B52" s="47" t="s">
        <v>86</v>
      </c>
      <c r="C52" s="26" t="s">
        <v>89</v>
      </c>
      <c r="D52" s="48"/>
      <c r="E52" s="81"/>
      <c r="F52" s="82"/>
    </row>
    <row r="53" spans="2:6" s="2" customFormat="1" ht="120" customHeight="1" x14ac:dyDescent="0.25">
      <c r="B53" s="47" t="s">
        <v>87</v>
      </c>
      <c r="C53" s="26" t="s">
        <v>90</v>
      </c>
      <c r="D53" s="48"/>
      <c r="E53" s="81"/>
      <c r="F53" s="82"/>
    </row>
    <row r="54" spans="2:6" s="2" customFormat="1" ht="122.25" customHeight="1" x14ac:dyDescent="0.25">
      <c r="B54" s="55" t="s">
        <v>57</v>
      </c>
      <c r="C54" s="26" t="s">
        <v>91</v>
      </c>
      <c r="D54" s="48"/>
      <c r="E54" s="81"/>
      <c r="F54" s="82"/>
    </row>
    <row r="55" spans="2:6" s="2" customFormat="1" ht="41.25" customHeight="1" x14ac:dyDescent="0.25">
      <c r="B55" s="55" t="s">
        <v>58</v>
      </c>
      <c r="C55" s="26" t="s">
        <v>92</v>
      </c>
      <c r="D55" s="48"/>
      <c r="E55" s="81"/>
      <c r="F55" s="82"/>
    </row>
    <row r="56" spans="2:6" s="2" customFormat="1" ht="66" customHeight="1" x14ac:dyDescent="0.25">
      <c r="B56" s="55" t="s">
        <v>59</v>
      </c>
      <c r="C56" s="26" t="s">
        <v>93</v>
      </c>
      <c r="D56" s="48"/>
      <c r="E56" s="81"/>
      <c r="F56" s="82"/>
    </row>
    <row r="57" spans="2:6" s="2" customFormat="1" ht="70.5" customHeight="1" x14ac:dyDescent="0.25">
      <c r="B57" s="55" t="s">
        <v>67</v>
      </c>
      <c r="C57" s="26" t="s">
        <v>94</v>
      </c>
      <c r="D57" s="48"/>
      <c r="E57" s="81"/>
      <c r="F57" s="82"/>
    </row>
    <row r="58" spans="2:6" s="2" customFormat="1" ht="99" customHeight="1" x14ac:dyDescent="0.25">
      <c r="B58" s="55" t="s">
        <v>60</v>
      </c>
      <c r="C58" s="26" t="s">
        <v>95</v>
      </c>
      <c r="D58" s="48"/>
      <c r="E58" s="81"/>
      <c r="F58" s="82"/>
    </row>
    <row r="59" spans="2:6" s="2" customFormat="1" ht="30.75" customHeight="1" x14ac:dyDescent="0.25">
      <c r="B59" s="60" t="s">
        <v>61</v>
      </c>
      <c r="C59" s="26" t="s">
        <v>96</v>
      </c>
      <c r="D59" s="48"/>
      <c r="E59" s="81"/>
      <c r="F59" s="82"/>
    </row>
    <row r="60" spans="2:6" s="2" customFormat="1" ht="30.75" customHeight="1" x14ac:dyDescent="0.25">
      <c r="B60" s="61"/>
      <c r="C60" s="26" t="s">
        <v>97</v>
      </c>
      <c r="D60" s="48"/>
      <c r="E60" s="81"/>
      <c r="F60" s="82"/>
    </row>
    <row r="61" spans="2:6" s="2" customFormat="1" ht="47.25" customHeight="1" x14ac:dyDescent="0.25">
      <c r="B61" s="61"/>
      <c r="C61" s="26" t="s">
        <v>98</v>
      </c>
      <c r="D61" s="48"/>
      <c r="E61" s="81"/>
      <c r="F61" s="82"/>
    </row>
    <row r="62" spans="2:6" s="2" customFormat="1" ht="30.75" customHeight="1" x14ac:dyDescent="0.25">
      <c r="B62" s="61"/>
      <c r="C62" s="26" t="s">
        <v>99</v>
      </c>
      <c r="D62" s="48"/>
      <c r="E62" s="81"/>
      <c r="F62" s="82"/>
    </row>
    <row r="63" spans="2:6" s="2" customFormat="1" ht="36" customHeight="1" x14ac:dyDescent="0.25">
      <c r="B63" s="62"/>
      <c r="C63" s="26" t="s">
        <v>100</v>
      </c>
      <c r="D63" s="48"/>
      <c r="E63" s="81"/>
      <c r="F63" s="82"/>
    </row>
    <row r="64" spans="2:6" s="2" customFormat="1" ht="48.75" customHeight="1" x14ac:dyDescent="0.25">
      <c r="B64" s="62"/>
      <c r="C64" s="26" t="s">
        <v>101</v>
      </c>
      <c r="D64" s="48"/>
      <c r="E64" s="81"/>
      <c r="F64" s="82"/>
    </row>
    <row r="65" spans="2:6" s="2" customFormat="1" ht="58.5" customHeight="1" x14ac:dyDescent="0.25">
      <c r="B65" s="63"/>
      <c r="C65" s="26" t="s">
        <v>102</v>
      </c>
      <c r="D65" s="48"/>
      <c r="E65" s="81"/>
      <c r="F65" s="82"/>
    </row>
    <row r="66" spans="2:6" s="2" customFormat="1" ht="114" customHeight="1" x14ac:dyDescent="0.25">
      <c r="B66" s="55" t="s">
        <v>62</v>
      </c>
      <c r="C66" s="26" t="s">
        <v>103</v>
      </c>
      <c r="D66" s="48"/>
      <c r="E66" s="81"/>
      <c r="F66" s="82"/>
    </row>
    <row r="67" spans="2:6" s="2" customFormat="1" ht="171.75" customHeight="1" x14ac:dyDescent="0.25">
      <c r="B67" s="55" t="s">
        <v>63</v>
      </c>
      <c r="C67" s="26" t="s">
        <v>106</v>
      </c>
      <c r="D67" s="48"/>
      <c r="E67" s="81"/>
      <c r="F67" s="82"/>
    </row>
    <row r="68" spans="2:6" s="2" customFormat="1" ht="57.75" customHeight="1" x14ac:dyDescent="0.25">
      <c r="B68" s="47" t="s">
        <v>104</v>
      </c>
      <c r="C68" s="26" t="s">
        <v>105</v>
      </c>
      <c r="D68" s="48"/>
      <c r="E68" s="81"/>
      <c r="F68" s="82"/>
    </row>
    <row r="69" spans="2:6" s="2" customFormat="1" ht="54.75" customHeight="1" x14ac:dyDescent="0.25">
      <c r="B69" s="47" t="s">
        <v>108</v>
      </c>
      <c r="C69" s="26" t="s">
        <v>107</v>
      </c>
      <c r="D69" s="48"/>
      <c r="E69" s="81"/>
      <c r="F69" s="82"/>
    </row>
    <row r="70" spans="2:6" s="2" customFormat="1" ht="127.5" customHeight="1" x14ac:dyDescent="0.25">
      <c r="B70" s="55" t="s">
        <v>68</v>
      </c>
      <c r="C70" s="26" t="s">
        <v>109</v>
      </c>
      <c r="D70" s="48"/>
      <c r="E70" s="81"/>
      <c r="F70" s="82"/>
    </row>
    <row r="71" spans="2:6" s="2" customFormat="1" ht="62.25" customHeight="1" x14ac:dyDescent="0.25">
      <c r="B71" s="47" t="s">
        <v>77</v>
      </c>
      <c r="C71" s="26" t="s">
        <v>110</v>
      </c>
      <c r="D71" s="48"/>
      <c r="E71" s="81"/>
      <c r="F71" s="82"/>
    </row>
    <row r="72" spans="2:6" s="2" customFormat="1" ht="160.5" customHeight="1" x14ac:dyDescent="0.25">
      <c r="B72" s="55" t="s">
        <v>69</v>
      </c>
      <c r="C72" s="26" t="s">
        <v>111</v>
      </c>
      <c r="D72" s="48"/>
      <c r="E72" s="81"/>
      <c r="F72" s="82"/>
    </row>
    <row r="73" spans="2:6" s="2" customFormat="1" ht="108" customHeight="1" x14ac:dyDescent="0.25">
      <c r="B73" s="55" t="s">
        <v>64</v>
      </c>
      <c r="C73" s="26" t="s">
        <v>112</v>
      </c>
      <c r="D73" s="48"/>
      <c r="E73" s="81"/>
      <c r="F73" s="82"/>
    </row>
    <row r="74" spans="2:6" s="2" customFormat="1" ht="43.5" customHeight="1" x14ac:dyDescent="0.25">
      <c r="B74" s="55" t="s">
        <v>70</v>
      </c>
      <c r="C74" s="26" t="s">
        <v>78</v>
      </c>
      <c r="D74" s="48"/>
      <c r="E74" s="81"/>
      <c r="F74" s="82"/>
    </row>
    <row r="75" spans="2:6" s="2" customFormat="1" ht="55.5" customHeight="1" x14ac:dyDescent="0.25">
      <c r="B75" s="55" t="s">
        <v>71</v>
      </c>
      <c r="C75" s="26" t="s">
        <v>113</v>
      </c>
      <c r="D75" s="48"/>
      <c r="E75" s="81"/>
      <c r="F75" s="82"/>
    </row>
    <row r="76" spans="2:6" s="2" customFormat="1" ht="78.75" customHeight="1" x14ac:dyDescent="0.25">
      <c r="B76" s="55" t="s">
        <v>72</v>
      </c>
      <c r="C76" s="26" t="s">
        <v>114</v>
      </c>
      <c r="D76" s="48"/>
      <c r="E76" s="81"/>
      <c r="F76" s="82"/>
    </row>
    <row r="77" spans="2:6" s="2" customFormat="1" ht="90.75" customHeight="1" x14ac:dyDescent="0.25">
      <c r="B77" s="55" t="s">
        <v>73</v>
      </c>
      <c r="C77" s="26" t="s">
        <v>115</v>
      </c>
      <c r="D77" s="48"/>
      <c r="E77" s="81"/>
      <c r="F77" s="82"/>
    </row>
    <row r="78" spans="2:6" s="2" customFormat="1" ht="93.75" customHeight="1" x14ac:dyDescent="0.25">
      <c r="B78" s="60" t="s">
        <v>74</v>
      </c>
      <c r="C78" s="26" t="s">
        <v>116</v>
      </c>
      <c r="D78" s="48"/>
      <c r="E78" s="81"/>
      <c r="F78" s="82"/>
    </row>
    <row r="79" spans="2:6" s="2" customFormat="1" ht="108" customHeight="1" x14ac:dyDescent="0.25">
      <c r="B79" s="64"/>
      <c r="C79" s="26" t="s">
        <v>117</v>
      </c>
      <c r="D79" s="48"/>
      <c r="E79" s="81"/>
      <c r="F79" s="82"/>
    </row>
    <row r="80" spans="2:6" s="2" customFormat="1" ht="132.75" customHeight="1" x14ac:dyDescent="0.25">
      <c r="B80" s="55" t="s">
        <v>75</v>
      </c>
      <c r="C80" s="26" t="s">
        <v>118</v>
      </c>
      <c r="D80" s="48"/>
      <c r="E80" s="81"/>
      <c r="F80" s="82"/>
    </row>
    <row r="81" spans="2:7" s="2" customFormat="1" ht="47.25" customHeight="1" thickBot="1" x14ac:dyDescent="0.3">
      <c r="B81" s="65" t="s">
        <v>76</v>
      </c>
      <c r="C81" s="66" t="s">
        <v>119</v>
      </c>
      <c r="D81" s="59"/>
      <c r="E81" s="90"/>
      <c r="F81" s="91"/>
    </row>
    <row r="82" spans="2:7" s="3" customFormat="1" ht="5.0999999999999996" customHeight="1" x14ac:dyDescent="0.25">
      <c r="B82" s="5"/>
      <c r="C82" s="5"/>
      <c r="D82" s="7"/>
      <c r="E82" s="7"/>
      <c r="F82" s="25"/>
      <c r="G82" s="2"/>
    </row>
    <row r="83" spans="2:7" s="2" customFormat="1" ht="20.100000000000001" customHeight="1" x14ac:dyDescent="0.25">
      <c r="B83" s="92" t="s">
        <v>51</v>
      </c>
      <c r="C83" s="92"/>
      <c r="D83" s="92"/>
      <c r="E83" s="92"/>
      <c r="F83" s="92"/>
    </row>
    <row r="84" spans="2:7" s="2" customFormat="1" ht="4.5" customHeight="1" thickBot="1" x14ac:dyDescent="0.3"/>
    <row r="85" spans="2:7" s="2" customFormat="1" ht="80.25" customHeight="1" x14ac:dyDescent="0.25">
      <c r="B85" s="93" t="s">
        <v>52</v>
      </c>
      <c r="C85" s="94"/>
      <c r="D85" s="97" t="s">
        <v>53</v>
      </c>
      <c r="E85" s="98"/>
      <c r="F85" s="99"/>
    </row>
    <row r="86" spans="2:7" s="3" customFormat="1" ht="29.25" customHeight="1" thickBot="1" x14ac:dyDescent="0.3">
      <c r="B86" s="95"/>
      <c r="C86" s="96"/>
      <c r="D86" s="23" t="s">
        <v>6</v>
      </c>
      <c r="E86" s="83" t="s">
        <v>29</v>
      </c>
      <c r="F86" s="84"/>
      <c r="G86" s="2"/>
    </row>
    <row r="87" spans="2:7" s="3" customFormat="1" ht="27" customHeight="1" x14ac:dyDescent="0.25">
      <c r="B87" s="49" t="s">
        <v>14</v>
      </c>
      <c r="C87" s="50" t="s">
        <v>66</v>
      </c>
      <c r="D87" s="51"/>
      <c r="E87" s="104"/>
      <c r="F87" s="105"/>
      <c r="G87" s="2"/>
    </row>
    <row r="88" spans="2:7" s="3" customFormat="1" ht="59.25" customHeight="1" thickBot="1" x14ac:dyDescent="0.3">
      <c r="B88" s="47" t="s">
        <v>55</v>
      </c>
      <c r="C88" s="69" t="s">
        <v>122</v>
      </c>
      <c r="D88" s="53"/>
      <c r="E88" s="74"/>
      <c r="F88" s="73"/>
      <c r="G88" s="2"/>
    </row>
    <row r="89" spans="2:7" s="3" customFormat="1" ht="54" customHeight="1" x14ac:dyDescent="0.25">
      <c r="B89" s="61" t="s">
        <v>56</v>
      </c>
      <c r="C89" s="71" t="s">
        <v>123</v>
      </c>
      <c r="D89" s="72"/>
      <c r="E89" s="79"/>
      <c r="F89" s="80"/>
      <c r="G89" s="2"/>
    </row>
    <row r="90" spans="2:7" s="3" customFormat="1" ht="30.75" customHeight="1" thickBot="1" x14ac:dyDescent="0.3">
      <c r="B90" s="52" t="s">
        <v>57</v>
      </c>
      <c r="C90" s="56" t="s">
        <v>54</v>
      </c>
      <c r="D90" s="53"/>
      <c r="E90" s="90"/>
      <c r="F90" s="91"/>
      <c r="G90" s="2"/>
    </row>
    <row r="91" spans="2:7" s="2" customFormat="1" ht="5.0999999999999996" customHeight="1" x14ac:dyDescent="0.25">
      <c r="B91" s="5"/>
      <c r="C91" s="5"/>
      <c r="D91" s="7"/>
      <c r="E91" s="7"/>
      <c r="F91" s="25"/>
    </row>
    <row r="92" spans="2:7" s="2" customFormat="1" ht="20.100000000000001" customHeight="1" x14ac:dyDescent="0.25">
      <c r="B92" s="92" t="s">
        <v>13</v>
      </c>
      <c r="C92" s="92"/>
      <c r="D92" s="92"/>
      <c r="E92" s="92"/>
      <c r="F92" s="92"/>
    </row>
    <row r="93" spans="2:7" s="3" customFormat="1" ht="30" customHeight="1" x14ac:dyDescent="0.25">
      <c r="B93" s="5" t="s">
        <v>15</v>
      </c>
      <c r="C93" s="114" t="s">
        <v>125</v>
      </c>
      <c r="D93" s="114"/>
      <c r="E93" s="114"/>
      <c r="F93" s="114"/>
      <c r="G93" s="2"/>
    </row>
    <row r="94" spans="2:7" s="28" customFormat="1" ht="30" customHeight="1" x14ac:dyDescent="0.25">
      <c r="B94" s="5" t="s">
        <v>30</v>
      </c>
      <c r="C94" s="114" t="s">
        <v>31</v>
      </c>
      <c r="D94" s="114"/>
      <c r="E94" s="114"/>
      <c r="F94" s="114"/>
      <c r="G94" s="2"/>
    </row>
    <row r="95" spans="2:7" s="28" customFormat="1" ht="30" customHeight="1" x14ac:dyDescent="0.25">
      <c r="B95" s="115" t="s">
        <v>32</v>
      </c>
      <c r="C95" s="115"/>
      <c r="D95" s="115"/>
      <c r="E95" s="115"/>
      <c r="F95" s="3"/>
      <c r="G95" s="2"/>
    </row>
    <row r="96" spans="2:7" s="2" customFormat="1" ht="24.95" customHeight="1" x14ac:dyDescent="0.25">
      <c r="B96" s="27" t="s">
        <v>33</v>
      </c>
      <c r="C96" s="112"/>
      <c r="D96" s="112"/>
      <c r="F96" s="28"/>
    </row>
    <row r="97" spans="2:7" s="2" customFormat="1" ht="24.95" customHeight="1" x14ac:dyDescent="0.25">
      <c r="B97" s="27" t="s">
        <v>34</v>
      </c>
      <c r="C97" s="112"/>
      <c r="D97" s="112"/>
      <c r="F97" s="28"/>
    </row>
    <row r="98" spans="2:7" s="2" customFormat="1" ht="24.95" customHeight="1" x14ac:dyDescent="0.25">
      <c r="B98" s="27" t="s">
        <v>35</v>
      </c>
      <c r="C98" s="112"/>
      <c r="D98" s="112"/>
      <c r="F98" s="28"/>
    </row>
    <row r="99" spans="2:7" s="3" customFormat="1" ht="24.95" customHeight="1" x14ac:dyDescent="0.25">
      <c r="B99" s="27" t="s">
        <v>36</v>
      </c>
      <c r="C99" s="112"/>
      <c r="D99" s="112"/>
      <c r="E99" s="2"/>
      <c r="F99" s="29"/>
      <c r="G99" s="2"/>
    </row>
    <row r="100" spans="2:7" s="2" customFormat="1" ht="14.25" customHeight="1" x14ac:dyDescent="0.2">
      <c r="B100" s="11"/>
      <c r="C100" s="12"/>
      <c r="D100" s="12"/>
      <c r="F100" s="30"/>
    </row>
    <row r="101" spans="2:7" s="3" customFormat="1" ht="15" customHeight="1" x14ac:dyDescent="0.25">
      <c r="B101" s="116" t="s">
        <v>37</v>
      </c>
      <c r="C101" s="116"/>
      <c r="D101" s="116"/>
      <c r="E101" s="116"/>
      <c r="F101" s="116"/>
    </row>
    <row r="102" spans="2:7" s="2" customFormat="1" ht="36.75" customHeight="1" x14ac:dyDescent="0.25">
      <c r="B102" s="113" t="s">
        <v>48</v>
      </c>
      <c r="C102" s="113"/>
      <c r="D102" s="113"/>
      <c r="E102" s="113"/>
      <c r="F102" s="113"/>
    </row>
    <row r="103" spans="2:7" s="2" customFormat="1" ht="20.100000000000001" customHeight="1" x14ac:dyDescent="0.2">
      <c r="B103" s="1"/>
      <c r="C103" s="1"/>
      <c r="D103" s="8"/>
      <c r="E103" s="8"/>
    </row>
    <row r="104" spans="2:7" s="3" customFormat="1" ht="4.5" customHeight="1" x14ac:dyDescent="0.2">
      <c r="B104" s="1"/>
      <c r="C104" s="1"/>
      <c r="D104" s="8"/>
      <c r="E104" s="8"/>
      <c r="F104" s="2"/>
    </row>
    <row r="105" spans="2:7" s="3" customFormat="1" ht="20.100000000000001" customHeight="1" x14ac:dyDescent="0.25">
      <c r="B105" s="31" t="s">
        <v>38</v>
      </c>
      <c r="C105" s="32"/>
      <c r="D105" s="33" t="s">
        <v>39</v>
      </c>
      <c r="E105" s="110"/>
      <c r="F105" s="110"/>
    </row>
    <row r="106" spans="2:7" s="3" customFormat="1" ht="20.100000000000001" customHeight="1" x14ac:dyDescent="0.25">
      <c r="B106" s="34"/>
      <c r="C106" s="34"/>
      <c r="D106" s="34"/>
      <c r="E106" s="35"/>
      <c r="F106" s="35"/>
    </row>
    <row r="107" spans="2:7" ht="20.100000000000001" customHeight="1" x14ac:dyDescent="0.2">
      <c r="B107" s="31" t="s">
        <v>40</v>
      </c>
      <c r="C107" s="32"/>
      <c r="D107" s="36" t="s">
        <v>41</v>
      </c>
      <c r="E107" s="111"/>
      <c r="F107" s="111"/>
    </row>
    <row r="108" spans="2:7" s="2" customFormat="1" ht="20.100000000000001" customHeight="1" x14ac:dyDescent="0.2">
      <c r="B108" s="1"/>
      <c r="C108" s="1"/>
      <c r="D108" s="36" t="s">
        <v>42</v>
      </c>
      <c r="E108" s="112"/>
      <c r="F108" s="112"/>
    </row>
    <row r="109" spans="2:7" s="2" customFormat="1" ht="20.100000000000001" customHeight="1" x14ac:dyDescent="0.2">
      <c r="B109" s="1"/>
      <c r="C109" s="1"/>
      <c r="D109" s="37" t="s">
        <v>43</v>
      </c>
      <c r="E109" s="1"/>
    </row>
    <row r="110" spans="2:7" s="2" customFormat="1" ht="37.5" customHeight="1" x14ac:dyDescent="0.25"/>
    <row r="111" spans="2:7" s="2" customFormat="1" ht="24" customHeight="1" x14ac:dyDescent="0.25"/>
    <row r="112" spans="2:7" s="2" customFormat="1" ht="24" customHeight="1" x14ac:dyDescent="0.25"/>
    <row r="113" spans="2:5" s="2" customFormat="1" ht="24" customHeight="1" x14ac:dyDescent="0.25"/>
    <row r="114" spans="2:5" s="2" customFormat="1" ht="20.100000000000001" customHeight="1" x14ac:dyDescent="0.25"/>
    <row r="115" spans="2:5" s="2" customFormat="1" ht="20.100000000000001" customHeight="1" x14ac:dyDescent="0.25"/>
    <row r="116" spans="2:5" s="2" customFormat="1" ht="50.1" customHeight="1" x14ac:dyDescent="0.25"/>
    <row r="117" spans="2:5" s="2" customFormat="1" ht="43.5" customHeight="1" x14ac:dyDescent="0.25"/>
    <row r="118" spans="2:5" ht="24.75" customHeight="1" x14ac:dyDescent="0.2">
      <c r="B118" s="2"/>
      <c r="C118" s="2"/>
      <c r="D118" s="2"/>
      <c r="E118" s="2"/>
    </row>
    <row r="119" spans="2:5" x14ac:dyDescent="0.2">
      <c r="B119" s="2"/>
      <c r="C119" s="2"/>
      <c r="D119" s="2"/>
      <c r="E119" s="2"/>
    </row>
    <row r="120" spans="2:5" ht="20.100000000000001" customHeight="1" x14ac:dyDescent="0.2"/>
    <row r="121" spans="2:5" ht="4.5" customHeight="1" x14ac:dyDescent="0.2"/>
    <row r="122" spans="2:5" ht="20.100000000000001" customHeight="1" x14ac:dyDescent="0.2"/>
    <row r="123" spans="2:5" ht="20.100000000000001" customHeight="1" x14ac:dyDescent="0.2"/>
    <row r="124" spans="2:5" ht="20.100000000000001" customHeight="1" x14ac:dyDescent="0.2"/>
  </sheetData>
  <mergeCells count="88">
    <mergeCell ref="E56:F56"/>
    <mergeCell ref="E57:F57"/>
    <mergeCell ref="E58:F58"/>
    <mergeCell ref="E60:F60"/>
    <mergeCell ref="E61:F61"/>
    <mergeCell ref="E62:F62"/>
    <mergeCell ref="E63:F63"/>
    <mergeCell ref="E74:F74"/>
    <mergeCell ref="E78:F78"/>
    <mergeCell ref="E59:F59"/>
    <mergeCell ref="E75:F75"/>
    <mergeCell ref="E76:F76"/>
    <mergeCell ref="E77:F77"/>
    <mergeCell ref="E79:F79"/>
    <mergeCell ref="E80:F80"/>
    <mergeCell ref="E81:F81"/>
    <mergeCell ref="E64:F64"/>
    <mergeCell ref="E65:F65"/>
    <mergeCell ref="E66:F66"/>
    <mergeCell ref="E67:F67"/>
    <mergeCell ref="E68:F68"/>
    <mergeCell ref="E69:F69"/>
    <mergeCell ref="E70:F70"/>
    <mergeCell ref="E71:F71"/>
    <mergeCell ref="E72:F72"/>
    <mergeCell ref="E73:F73"/>
    <mergeCell ref="B18:F18"/>
    <mergeCell ref="C28:D28"/>
    <mergeCell ref="D36:F36"/>
    <mergeCell ref="E37:F37"/>
    <mergeCell ref="B22:F22"/>
    <mergeCell ref="C27:D27"/>
    <mergeCell ref="B30:C30"/>
    <mergeCell ref="E105:F105"/>
    <mergeCell ref="E107:F107"/>
    <mergeCell ref="E108:F108"/>
    <mergeCell ref="B102:F102"/>
    <mergeCell ref="B92:F92"/>
    <mergeCell ref="C93:F93"/>
    <mergeCell ref="C94:F94"/>
    <mergeCell ref="B95:E95"/>
    <mergeCell ref="B101:F101"/>
    <mergeCell ref="C96:D96"/>
    <mergeCell ref="C97:D97"/>
    <mergeCell ref="C98:D98"/>
    <mergeCell ref="C99:D99"/>
    <mergeCell ref="B3:F3"/>
    <mergeCell ref="B7:F7"/>
    <mergeCell ref="B8:F8"/>
    <mergeCell ref="B11:F11"/>
    <mergeCell ref="B12:D12"/>
    <mergeCell ref="B2:F2"/>
    <mergeCell ref="B1:F1"/>
    <mergeCell ref="B23:C23"/>
    <mergeCell ref="B26:C26"/>
    <mergeCell ref="E87:F87"/>
    <mergeCell ref="E49:F49"/>
    <mergeCell ref="E50:F50"/>
    <mergeCell ref="E51:F51"/>
    <mergeCell ref="E52:F52"/>
    <mergeCell ref="E53:F53"/>
    <mergeCell ref="E54:F54"/>
    <mergeCell ref="E55:F55"/>
    <mergeCell ref="E48:F48"/>
    <mergeCell ref="B42:F42"/>
    <mergeCell ref="B44:C45"/>
    <mergeCell ref="D44:F44"/>
    <mergeCell ref="E90:F90"/>
    <mergeCell ref="B83:F83"/>
    <mergeCell ref="B85:C86"/>
    <mergeCell ref="D85:F85"/>
    <mergeCell ref="E86:F86"/>
    <mergeCell ref="B9:F9"/>
    <mergeCell ref="E40:F40"/>
    <mergeCell ref="E89:F89"/>
    <mergeCell ref="E47:F47"/>
    <mergeCell ref="E45:F45"/>
    <mergeCell ref="E46:F46"/>
    <mergeCell ref="B38:F38"/>
    <mergeCell ref="E39:F39"/>
    <mergeCell ref="B13:D13"/>
    <mergeCell ref="B34:F34"/>
    <mergeCell ref="B36:C37"/>
    <mergeCell ref="B19:F19"/>
    <mergeCell ref="B20:D20"/>
    <mergeCell ref="B21:F21"/>
    <mergeCell ref="B16:D16"/>
    <mergeCell ref="B17:D17"/>
  </mergeCells>
  <conditionalFormatting sqref="D55:D57 D59:D81">
    <cfRule type="containsBlanks" dxfId="14" priority="117">
      <formula>LEN(TRIM(D55))=0</formula>
    </cfRule>
  </conditionalFormatting>
  <conditionalFormatting sqref="E107:F107">
    <cfRule type="containsBlanks" dxfId="13" priority="116">
      <formula>LEN(TRIM(E107))=0</formula>
    </cfRule>
  </conditionalFormatting>
  <conditionalFormatting sqref="C105">
    <cfRule type="containsBlanks" dxfId="12" priority="114">
      <formula>LEN(TRIM(C105))=0</formula>
    </cfRule>
  </conditionalFormatting>
  <conditionalFormatting sqref="E108:F108">
    <cfRule type="containsBlanks" dxfId="11" priority="115">
      <formula>LEN(TRIM(E108))=0</formula>
    </cfRule>
  </conditionalFormatting>
  <conditionalFormatting sqref="C107">
    <cfRule type="containsBlanks" dxfId="10" priority="113">
      <formula>LEN(TRIM(C107))=0</formula>
    </cfRule>
  </conditionalFormatting>
  <conditionalFormatting sqref="C4:C5">
    <cfRule type="containsBlanks" dxfId="9" priority="112">
      <formula>LEN(TRIM(C4))=0</formula>
    </cfRule>
  </conditionalFormatting>
  <conditionalFormatting sqref="D39:D40">
    <cfRule type="containsBlanks" dxfId="8" priority="111">
      <formula>LEN(TRIM(D39))=0</formula>
    </cfRule>
  </conditionalFormatting>
  <conditionalFormatting sqref="D87:D89">
    <cfRule type="containsBlanks" dxfId="7" priority="106">
      <formula>LEN(TRIM(D87))=0</formula>
    </cfRule>
  </conditionalFormatting>
  <conditionalFormatting sqref="C98:D98">
    <cfRule type="containsBlanks" dxfId="6" priority="102">
      <formula>LEN(TRIM(C98))=0</formula>
    </cfRule>
  </conditionalFormatting>
  <conditionalFormatting sqref="C97:D97">
    <cfRule type="containsBlanks" dxfId="5" priority="53">
      <formula>LEN(TRIM(C97))=0</formula>
    </cfRule>
  </conditionalFormatting>
  <conditionalFormatting sqref="C96:D96">
    <cfRule type="containsBlanks" dxfId="4" priority="52">
      <formula>LEN(TRIM(C96))=0</formula>
    </cfRule>
  </conditionalFormatting>
  <conditionalFormatting sqref="C99:D99">
    <cfRule type="containsBlanks" dxfId="3" priority="51">
      <formula>LEN(TRIM(C99))=0</formula>
    </cfRule>
  </conditionalFormatting>
  <conditionalFormatting sqref="D46:D54">
    <cfRule type="containsBlanks" dxfId="2" priority="46">
      <formula>LEN(TRIM(D46))=0</formula>
    </cfRule>
  </conditionalFormatting>
  <conditionalFormatting sqref="D90">
    <cfRule type="containsBlanks" dxfId="1" priority="44">
      <formula>LEN(TRIM(D90))=0</formula>
    </cfRule>
  </conditionalFormatting>
  <conditionalFormatting sqref="D58">
    <cfRule type="containsBlanks" dxfId="0" priority="43">
      <formula>LEN(TRIM(D58))=0</formula>
    </cfRule>
  </conditionalFormatting>
  <printOptions horizontalCentered="1"/>
  <pageMargins left="0.70866141732283472" right="0.70866141732283472" top="0.9055118110236221"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03-14T09:16:32Z</cp:lastPrinted>
  <dcterms:created xsi:type="dcterms:W3CDTF">2017-04-21T05:51:15Z</dcterms:created>
  <dcterms:modified xsi:type="dcterms:W3CDTF">2022-03-14T10:17:10Z</dcterms:modified>
</cp:coreProperties>
</file>